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21\group\01_調整グループ\02_バリアフリーの街づくり\001_例規等\02_みんなのバリアフリー街づくり条例\01_条例見直し検討会議\210803_第４回\04_配布資料\委員意見一覧\"/>
    </mc:Choice>
  </mc:AlternateContent>
  <bookViews>
    <workbookView xWindow="600" yWindow="108" windowWidth="19392" windowHeight="8052"/>
  </bookViews>
  <sheets>
    <sheet name="意見一覧" sheetId="1" r:id="rId1"/>
  </sheets>
  <definedNames>
    <definedName name="_xlnm._FilterDatabase" localSheetId="0" hidden="1">意見一覧!$B$3:$E$33</definedName>
    <definedName name="_xlnm.Print_Area" localSheetId="0">意見一覧!$A$1:$E$33</definedName>
    <definedName name="_xlnm.Print_Titles" localSheetId="0">意見一覧!$1:$3</definedName>
  </definedNames>
  <calcPr calcId="152511"/>
</workbook>
</file>

<file path=xl/sharedStrings.xml><?xml version="1.0" encoding="utf-8"?>
<sst xmlns="http://schemas.openxmlformats.org/spreadsheetml/2006/main" count="96" uniqueCount="51">
  <si>
    <t>発言順</t>
    <rPh sb="0" eb="2">
      <t>ハツゲン</t>
    </rPh>
    <rPh sb="2" eb="3">
      <t>ジュン</t>
    </rPh>
    <phoneticPr fontId="2"/>
  </si>
  <si>
    <t>発言者</t>
    <rPh sb="0" eb="3">
      <t>ハツゲンシャ</t>
    </rPh>
    <phoneticPr fontId="2"/>
  </si>
  <si>
    <t>意見概要</t>
    <rPh sb="0" eb="2">
      <t>イケン</t>
    </rPh>
    <rPh sb="2" eb="4">
      <t>ガイヨウ</t>
    </rPh>
    <phoneticPr fontId="2"/>
  </si>
  <si>
    <t>秋山委員</t>
    <rPh sb="0" eb="2">
      <t>アキヤマ</t>
    </rPh>
    <rPh sb="2" eb="4">
      <t>イイン</t>
    </rPh>
    <phoneticPr fontId="2"/>
  </si>
  <si>
    <t>河原委員</t>
    <rPh sb="0" eb="2">
      <t>カワハラ</t>
    </rPh>
    <rPh sb="2" eb="4">
      <t>イイン</t>
    </rPh>
    <phoneticPr fontId="2"/>
  </si>
  <si>
    <t>鈴木委員</t>
    <rPh sb="0" eb="2">
      <t>スズキ</t>
    </rPh>
    <rPh sb="2" eb="4">
      <t>イイン</t>
    </rPh>
    <phoneticPr fontId="2"/>
  </si>
  <si>
    <t>金子委員</t>
    <rPh sb="0" eb="2">
      <t>カネコ</t>
    </rPh>
    <rPh sb="2" eb="4">
      <t>イイン</t>
    </rPh>
    <phoneticPr fontId="2"/>
  </si>
  <si>
    <t>秋山委員</t>
    <rPh sb="0" eb="2">
      <t>アキヤマ</t>
    </rPh>
    <rPh sb="2" eb="4">
      <t>イイン</t>
    </rPh>
    <phoneticPr fontId="2"/>
  </si>
  <si>
    <t>石渡委員</t>
    <rPh sb="0" eb="2">
      <t>イシワタリ</t>
    </rPh>
    <rPh sb="2" eb="4">
      <t>イイン</t>
    </rPh>
    <phoneticPr fontId="2"/>
  </si>
  <si>
    <t>項目</t>
    <rPh sb="0" eb="2">
      <t>コウモク</t>
    </rPh>
    <phoneticPr fontId="2"/>
  </si>
  <si>
    <t>第３回条例見直し検討会議（令和３年５月24日）　出席委員発言要旨</t>
    <rPh sb="0" eb="1">
      <t>ダイ</t>
    </rPh>
    <rPh sb="2" eb="3">
      <t>カイ</t>
    </rPh>
    <rPh sb="3" eb="5">
      <t>ジョウレイ</t>
    </rPh>
    <rPh sb="5" eb="7">
      <t>ミナオ</t>
    </rPh>
    <rPh sb="8" eb="10">
      <t>ケントウ</t>
    </rPh>
    <rPh sb="10" eb="12">
      <t>カイギ</t>
    </rPh>
    <rPh sb="13" eb="15">
      <t>レイワ</t>
    </rPh>
    <rPh sb="16" eb="17">
      <t>ネン</t>
    </rPh>
    <rPh sb="18" eb="19">
      <t>ガツ</t>
    </rPh>
    <rPh sb="21" eb="22">
      <t>ニチ</t>
    </rPh>
    <rPh sb="24" eb="26">
      <t>シュッセキ</t>
    </rPh>
    <rPh sb="26" eb="28">
      <t>イイン</t>
    </rPh>
    <rPh sb="28" eb="30">
      <t>ハツゲン</t>
    </rPh>
    <rPh sb="30" eb="32">
      <t>ヨウシ</t>
    </rPh>
    <phoneticPr fontId="2"/>
  </si>
  <si>
    <t>山口委員</t>
    <rPh sb="0" eb="4">
      <t>ヤマグチイイン</t>
    </rPh>
    <phoneticPr fontId="2"/>
  </si>
  <si>
    <t>事前協議のあり方</t>
    <rPh sb="0" eb="4">
      <t>ジゼンキョウギ</t>
    </rPh>
    <rPh sb="7" eb="8">
      <t>カタ</t>
    </rPh>
    <phoneticPr fontId="2"/>
  </si>
  <si>
    <t>心のバリアフリー</t>
    <rPh sb="0" eb="1">
      <t>ココロ</t>
    </rPh>
    <phoneticPr fontId="2"/>
  </si>
  <si>
    <t>情報バリアフリー</t>
    <rPh sb="0" eb="2">
      <t>ジョウホウ</t>
    </rPh>
    <phoneticPr fontId="2"/>
  </si>
  <si>
    <t>項目
１　事前協議のあり方
２　心のバリアフリー
３　情報バリアフリー
４　見直しの視点、条例のあり方
５　整備基準、運用の見直し等</t>
    <rPh sb="0" eb="2">
      <t>コウモク</t>
    </rPh>
    <rPh sb="5" eb="9">
      <t>ジゼンキョウギ</t>
    </rPh>
    <rPh sb="12" eb="13">
      <t>カタ</t>
    </rPh>
    <rPh sb="16" eb="17">
      <t>ココロ</t>
    </rPh>
    <rPh sb="27" eb="29">
      <t>ジョウホウ</t>
    </rPh>
    <rPh sb="38" eb="40">
      <t>ミナオ</t>
    </rPh>
    <rPh sb="42" eb="44">
      <t>シテン</t>
    </rPh>
    <rPh sb="45" eb="47">
      <t>ジョウレイ</t>
    </rPh>
    <rPh sb="50" eb="51">
      <t>カタ</t>
    </rPh>
    <rPh sb="54" eb="58">
      <t>セイビキジュン</t>
    </rPh>
    <rPh sb="59" eb="61">
      <t>ウンヨウ</t>
    </rPh>
    <rPh sb="62" eb="64">
      <t>ミナオ</t>
    </rPh>
    <rPh sb="65" eb="66">
      <t>トウ</t>
    </rPh>
    <phoneticPr fontId="2"/>
  </si>
  <si>
    <t>見直しの視点、条例のあり方</t>
    <rPh sb="0" eb="2">
      <t>ミナオ</t>
    </rPh>
    <rPh sb="4" eb="6">
      <t>シテン</t>
    </rPh>
    <rPh sb="7" eb="9">
      <t>ジョウレイ</t>
    </rPh>
    <rPh sb="12" eb="13">
      <t>カタ</t>
    </rPh>
    <phoneticPr fontId="2"/>
  </si>
  <si>
    <t>整備基準、運用の見直し等</t>
    <rPh sb="0" eb="4">
      <t>セイビキジュン</t>
    </rPh>
    <rPh sb="5" eb="7">
      <t>ウンヨウ</t>
    </rPh>
    <rPh sb="8" eb="10">
      <t>ミナオ</t>
    </rPh>
    <rPh sb="11" eb="12">
      <t>トウ</t>
    </rPh>
    <phoneticPr fontId="2"/>
  </si>
  <si>
    <r>
      <t>建築物を建てる際の</t>
    </r>
    <r>
      <rPr>
        <u/>
        <sz val="11"/>
        <color theme="1"/>
        <rFont val="ＭＳ Ｐ明朝"/>
        <family val="1"/>
        <charset val="128"/>
      </rPr>
      <t>事前協議の際、視覚障害者の誘導をどういう形で考えてやるかということを、もう少し丁寧にやってもいいのでは</t>
    </r>
    <r>
      <rPr>
        <sz val="11"/>
        <color theme="1"/>
        <rFont val="ＭＳ Ｐ明朝"/>
        <family val="1"/>
        <charset val="128"/>
      </rPr>
      <t>。多くの施設では、視覚障害者誘導用ブロックの敷設についてはかなり問題があると思う。</t>
    </r>
    <rPh sb="0" eb="2">
      <t>ケンチク</t>
    </rPh>
    <rPh sb="2" eb="3">
      <t>ブツ</t>
    </rPh>
    <rPh sb="4" eb="5">
      <t>タ</t>
    </rPh>
    <rPh sb="7" eb="8">
      <t>サイ</t>
    </rPh>
    <rPh sb="9" eb="13">
      <t>ジゼンキョウギ</t>
    </rPh>
    <rPh sb="14" eb="15">
      <t>サイ</t>
    </rPh>
    <rPh sb="61" eb="62">
      <t>オオ</t>
    </rPh>
    <rPh sb="64" eb="66">
      <t>シセツ</t>
    </rPh>
    <rPh sb="69" eb="74">
      <t>シカクショウガイシャ</t>
    </rPh>
    <rPh sb="74" eb="77">
      <t>ユウドウヨウ</t>
    </rPh>
    <rPh sb="82" eb="84">
      <t>フセツ</t>
    </rPh>
    <rPh sb="92" eb="94">
      <t>モンダイ</t>
    </rPh>
    <rPh sb="98" eb="99">
      <t>オモ</t>
    </rPh>
    <phoneticPr fontId="2"/>
  </si>
  <si>
    <r>
      <t>新しい技術や対応方法を考えた時に、</t>
    </r>
    <r>
      <rPr>
        <u/>
        <sz val="11"/>
        <color theme="1"/>
        <rFont val="ＭＳ Ｐ明朝"/>
        <family val="1"/>
        <charset val="128"/>
      </rPr>
      <t>建築基準が古くならないような事前協議をしてはどうか</t>
    </r>
    <r>
      <rPr>
        <sz val="11"/>
        <color theme="1"/>
        <rFont val="ＭＳ Ｐ明朝"/>
        <family val="1"/>
        <charset val="128"/>
      </rPr>
      <t>。</t>
    </r>
    <rPh sb="0" eb="1">
      <t>アタラ</t>
    </rPh>
    <rPh sb="3" eb="5">
      <t>ギジュツ</t>
    </rPh>
    <rPh sb="6" eb="8">
      <t>タイオウ</t>
    </rPh>
    <rPh sb="8" eb="10">
      <t>ホウホウ</t>
    </rPh>
    <rPh sb="11" eb="12">
      <t>カンガ</t>
    </rPh>
    <rPh sb="14" eb="15">
      <t>トキ</t>
    </rPh>
    <rPh sb="17" eb="19">
      <t>ケンチク</t>
    </rPh>
    <rPh sb="19" eb="21">
      <t>キジュン</t>
    </rPh>
    <rPh sb="22" eb="23">
      <t>フル</t>
    </rPh>
    <rPh sb="31" eb="33">
      <t>ジゼン</t>
    </rPh>
    <rPh sb="33" eb="35">
      <t>キョウギ</t>
    </rPh>
    <phoneticPr fontId="2"/>
  </si>
  <si>
    <r>
      <rPr>
        <u/>
        <sz val="11"/>
        <color theme="1"/>
        <rFont val="ＭＳ Ｐ明朝"/>
        <family val="1"/>
        <charset val="128"/>
      </rPr>
      <t>心のバリアフリーについて、「思いやり」「優しさ」ではなく人権の問題であることが浸透していない</t>
    </r>
    <r>
      <rPr>
        <sz val="11"/>
        <color theme="1"/>
        <rFont val="ＭＳ Ｐ明朝"/>
        <family val="1"/>
        <charset val="128"/>
      </rPr>
      <t>。その点を適切に読んでもらうための文章を丁寧にフォローしてほしい。</t>
    </r>
    <rPh sb="0" eb="1">
      <t>ココロ</t>
    </rPh>
    <rPh sb="14" eb="15">
      <t>オモ</t>
    </rPh>
    <rPh sb="20" eb="21">
      <t>ヤサ</t>
    </rPh>
    <rPh sb="28" eb="30">
      <t>ジンケン</t>
    </rPh>
    <rPh sb="31" eb="33">
      <t>モンダイ</t>
    </rPh>
    <rPh sb="39" eb="41">
      <t>シントウ</t>
    </rPh>
    <rPh sb="49" eb="50">
      <t>テン</t>
    </rPh>
    <rPh sb="51" eb="53">
      <t>テキセツ</t>
    </rPh>
    <rPh sb="54" eb="55">
      <t>ヨ</t>
    </rPh>
    <rPh sb="63" eb="65">
      <t>ブンショウ</t>
    </rPh>
    <rPh sb="66" eb="68">
      <t>テイネイ</t>
    </rPh>
    <phoneticPr fontId="2"/>
  </si>
  <si>
    <r>
      <t>重点整備地区の後にできた「マスタープラン制度」について資料に書かれていない。</t>
    </r>
    <r>
      <rPr>
        <u/>
        <sz val="11"/>
        <color theme="1"/>
        <rFont val="ＭＳ Ｐ明朝"/>
        <family val="1"/>
        <charset val="128"/>
      </rPr>
      <t>重点整備地区と、マスタープラン制度の整合性を取る必要がある</t>
    </r>
    <r>
      <rPr>
        <sz val="11"/>
        <color theme="1"/>
        <rFont val="ＭＳ Ｐ明朝"/>
        <family val="1"/>
        <charset val="128"/>
      </rPr>
      <t>。</t>
    </r>
    <rPh sb="0" eb="2">
      <t>ジュウテン</t>
    </rPh>
    <rPh sb="2" eb="4">
      <t>セイビ</t>
    </rPh>
    <rPh sb="4" eb="6">
      <t>チク</t>
    </rPh>
    <rPh sb="7" eb="8">
      <t>アト</t>
    </rPh>
    <rPh sb="20" eb="22">
      <t>セイド</t>
    </rPh>
    <rPh sb="27" eb="29">
      <t>シリョウ</t>
    </rPh>
    <rPh sb="30" eb="31">
      <t>カ</t>
    </rPh>
    <rPh sb="38" eb="44">
      <t>ジュウテンセイビチク</t>
    </rPh>
    <rPh sb="53" eb="55">
      <t>セイド</t>
    </rPh>
    <rPh sb="56" eb="59">
      <t>セイゴウセイ</t>
    </rPh>
    <rPh sb="60" eb="61">
      <t>ト</t>
    </rPh>
    <rPh sb="62" eb="64">
      <t>ヒツヨウ</t>
    </rPh>
    <phoneticPr fontId="2"/>
  </si>
  <si>
    <r>
      <rPr>
        <u/>
        <sz val="11"/>
        <color theme="1"/>
        <rFont val="ＭＳ Ｐ明朝"/>
        <family val="1"/>
        <charset val="128"/>
      </rPr>
      <t>障害当事者が、調査段階あるいは設計段階から参画して、それを整備していくという流れが現時点では抜け落ちている</t>
    </r>
    <r>
      <rPr>
        <sz val="11"/>
        <color theme="1"/>
        <rFont val="ＭＳ Ｐ明朝"/>
        <family val="1"/>
        <charset val="128"/>
      </rPr>
      <t>。その流れを取り入れれば、事前協議は締まったものになるのでは。</t>
    </r>
    <rPh sb="56" eb="57">
      <t>ナガ</t>
    </rPh>
    <rPh sb="59" eb="60">
      <t>ト</t>
    </rPh>
    <rPh sb="61" eb="62">
      <t>イ</t>
    </rPh>
    <rPh sb="66" eb="70">
      <t>ジゼンキョウギ</t>
    </rPh>
    <rPh sb="71" eb="72">
      <t>シ</t>
    </rPh>
    <phoneticPr fontId="2"/>
  </si>
  <si>
    <r>
      <rPr>
        <u/>
        <sz val="11"/>
        <color theme="1"/>
        <rFont val="ＭＳ Ｐ明朝"/>
        <family val="1"/>
        <charset val="128"/>
      </rPr>
      <t>駅のロータリー内で、誘導ブロックの色が見づらい事例がある</t>
    </r>
    <r>
      <rPr>
        <sz val="11"/>
        <color theme="1"/>
        <rFont val="ＭＳ Ｐ明朝"/>
        <family val="1"/>
        <charset val="128"/>
      </rPr>
      <t>。土地としては鉄道会社の所有のようだが、タクシーなどの路面は市町村の所有、という事情があって、どこが対応するのかという問題がある。
またロータリーから県道に出ると、誘導ブロックがなくなってしまい、連続性が保たれていない。</t>
    </r>
    <rPh sb="0" eb="1">
      <t>エキ</t>
    </rPh>
    <rPh sb="7" eb="8">
      <t>ナイ</t>
    </rPh>
    <rPh sb="10" eb="12">
      <t>ユウドウ</t>
    </rPh>
    <rPh sb="17" eb="18">
      <t>イロ</t>
    </rPh>
    <rPh sb="19" eb="20">
      <t>ミ</t>
    </rPh>
    <rPh sb="23" eb="25">
      <t>ジレイ</t>
    </rPh>
    <rPh sb="78" eb="80">
      <t>タイオウ</t>
    </rPh>
    <rPh sb="87" eb="89">
      <t>モンダイ</t>
    </rPh>
    <rPh sb="103" eb="105">
      <t>ケンドウ</t>
    </rPh>
    <rPh sb="106" eb="107">
      <t>デ</t>
    </rPh>
    <rPh sb="110" eb="112">
      <t>ユウドウ</t>
    </rPh>
    <rPh sb="126" eb="129">
      <t>レンゾクセイ</t>
    </rPh>
    <rPh sb="130" eb="131">
      <t>タモ</t>
    </rPh>
    <phoneticPr fontId="2"/>
  </si>
  <si>
    <r>
      <t>歩道の段差が全くなくなってしまうと、視覚障害者は車道に出てしまう危険性があり、</t>
    </r>
    <r>
      <rPr>
        <u/>
        <sz val="11"/>
        <color theme="1"/>
        <rFont val="ＭＳ Ｐ明朝"/>
        <family val="1"/>
        <charset val="128"/>
      </rPr>
      <t>2㎝の段差の確保は明確にしてほしい</t>
    </r>
    <r>
      <rPr>
        <sz val="11"/>
        <color theme="1"/>
        <rFont val="ＭＳ Ｐ明朝"/>
        <family val="1"/>
        <charset val="128"/>
      </rPr>
      <t>。</t>
    </r>
    <rPh sb="0" eb="2">
      <t>ホドウ</t>
    </rPh>
    <rPh sb="3" eb="5">
      <t>ダンサ</t>
    </rPh>
    <rPh sb="6" eb="7">
      <t>マッタ</t>
    </rPh>
    <rPh sb="18" eb="23">
      <t>シカクショウガイシャ</t>
    </rPh>
    <rPh sb="24" eb="26">
      <t>シャドウ</t>
    </rPh>
    <rPh sb="27" eb="28">
      <t>デ</t>
    </rPh>
    <rPh sb="32" eb="35">
      <t>キケンセイ</t>
    </rPh>
    <rPh sb="42" eb="44">
      <t>ダンサ</t>
    </rPh>
    <rPh sb="45" eb="47">
      <t>カクホ</t>
    </rPh>
    <rPh sb="48" eb="50">
      <t>メイカク</t>
    </rPh>
    <phoneticPr fontId="2"/>
  </si>
  <si>
    <r>
      <t>音響信号機について。最近は</t>
    </r>
    <r>
      <rPr>
        <u/>
        <sz val="11"/>
        <color theme="1"/>
        <rFont val="ＭＳ Ｐ明朝"/>
        <family val="1"/>
        <charset val="128"/>
      </rPr>
      <t>スマートフォンのアプリで信号が変わったことを伝える仕組みがあるが、スマートフォンを持っている視覚障害者は少なく、それで全てを補われると困る</t>
    </r>
    <r>
      <rPr>
        <sz val="11"/>
        <color theme="1"/>
        <rFont val="ＭＳ Ｐ明朝"/>
        <family val="1"/>
        <charset val="128"/>
      </rPr>
      <t>。</t>
    </r>
    <rPh sb="0" eb="2">
      <t>オンキョウ</t>
    </rPh>
    <rPh sb="2" eb="5">
      <t>シンゴウキ</t>
    </rPh>
    <rPh sb="10" eb="12">
      <t>サイキン</t>
    </rPh>
    <rPh sb="25" eb="27">
      <t>シンゴウ</t>
    </rPh>
    <rPh sb="28" eb="29">
      <t>カ</t>
    </rPh>
    <rPh sb="35" eb="36">
      <t>ツタ</t>
    </rPh>
    <rPh sb="38" eb="40">
      <t>シク</t>
    </rPh>
    <rPh sb="54" eb="55">
      <t>モ</t>
    </rPh>
    <rPh sb="59" eb="64">
      <t>シカクショウガイシャ</t>
    </rPh>
    <rPh sb="65" eb="66">
      <t>スク</t>
    </rPh>
    <rPh sb="72" eb="73">
      <t>スベ</t>
    </rPh>
    <rPh sb="75" eb="76">
      <t>オギナ</t>
    </rPh>
    <rPh sb="80" eb="81">
      <t>コマ</t>
    </rPh>
    <phoneticPr fontId="2"/>
  </si>
  <si>
    <r>
      <rPr>
        <u/>
        <sz val="11"/>
        <color theme="1"/>
        <rFont val="ＭＳ Ｐ明朝"/>
        <family val="1"/>
        <charset val="128"/>
      </rPr>
      <t>駅前のバス停の誘導ブロックの上に乗客が並んでしまう事例</t>
    </r>
    <r>
      <rPr>
        <sz val="11"/>
        <color theme="1"/>
        <rFont val="ＭＳ Ｐ明朝"/>
        <family val="1"/>
        <charset val="128"/>
      </rPr>
      <t>が出ている。その対応をバス会社、鉄道会社、市町村のどこがやるのか、問題になっている。</t>
    </r>
    <rPh sb="0" eb="2">
      <t>エキマエ</t>
    </rPh>
    <rPh sb="5" eb="6">
      <t>テイ</t>
    </rPh>
    <rPh sb="7" eb="9">
      <t>ユウドウ</t>
    </rPh>
    <rPh sb="14" eb="15">
      <t>ウエ</t>
    </rPh>
    <rPh sb="16" eb="18">
      <t>ジョウキャク</t>
    </rPh>
    <rPh sb="19" eb="20">
      <t>ナラ</t>
    </rPh>
    <rPh sb="25" eb="27">
      <t>ジレイ</t>
    </rPh>
    <rPh sb="28" eb="29">
      <t>デ</t>
    </rPh>
    <rPh sb="35" eb="37">
      <t>タイオウ</t>
    </rPh>
    <rPh sb="40" eb="42">
      <t>ガイシャ</t>
    </rPh>
    <rPh sb="43" eb="45">
      <t>テツドウ</t>
    </rPh>
    <rPh sb="45" eb="47">
      <t>カイシャ</t>
    </rPh>
    <rPh sb="48" eb="51">
      <t>シチョウソン</t>
    </rPh>
    <rPh sb="60" eb="62">
      <t>モンダイ</t>
    </rPh>
    <phoneticPr fontId="2"/>
  </si>
  <si>
    <r>
      <rPr>
        <u/>
        <sz val="11"/>
        <color theme="1"/>
        <rFont val="ＭＳ Ｐ明朝"/>
        <family val="1"/>
        <charset val="128"/>
      </rPr>
      <t>情報のバリアフリーについて、もっと明確に条文の中に入れてほしい</t>
    </r>
    <r>
      <rPr>
        <sz val="11"/>
        <color theme="1"/>
        <rFont val="ＭＳ Ｐ明朝"/>
        <family val="1"/>
        <charset val="128"/>
      </rPr>
      <t xml:space="preserve">。
</t>
    </r>
    <r>
      <rPr>
        <u/>
        <sz val="11"/>
        <color theme="1"/>
        <rFont val="ＭＳ Ｐ明朝"/>
        <family val="1"/>
        <charset val="128"/>
      </rPr>
      <t>バリアフリーという考えには、物理的だけではなく、情報バリアフリーや心のバリアフリーについても幅広く含まれているということ</t>
    </r>
    <r>
      <rPr>
        <sz val="11"/>
        <color theme="1"/>
        <rFont val="ＭＳ Ｐ明朝"/>
        <family val="1"/>
        <charset val="128"/>
      </rPr>
      <t>を明確にしてほしい。</t>
    </r>
    <rPh sb="0" eb="2">
      <t>ジョウホウ</t>
    </rPh>
    <rPh sb="17" eb="19">
      <t>メイカク</t>
    </rPh>
    <rPh sb="20" eb="22">
      <t>ジョウブン</t>
    </rPh>
    <rPh sb="23" eb="24">
      <t>ナカ</t>
    </rPh>
    <rPh sb="25" eb="26">
      <t>イ</t>
    </rPh>
    <rPh sb="42" eb="43">
      <t>カンガ</t>
    </rPh>
    <rPh sb="47" eb="50">
      <t>ブツリテキ</t>
    </rPh>
    <rPh sb="57" eb="59">
      <t>ジョウホウ</t>
    </rPh>
    <rPh sb="66" eb="67">
      <t>ココロ</t>
    </rPh>
    <rPh sb="79" eb="81">
      <t>ハバヒロ</t>
    </rPh>
    <rPh sb="82" eb="83">
      <t>フク</t>
    </rPh>
    <rPh sb="94" eb="96">
      <t>メイカク</t>
    </rPh>
    <phoneticPr fontId="2"/>
  </si>
  <si>
    <r>
      <t>条例第１条について。「障害者が安心して生活し、自らの意思で自由に移動し」という言葉があるが、これでは移動できない人たちが対象のメインと思われてしまう。</t>
    </r>
    <r>
      <rPr>
        <u/>
        <sz val="11"/>
        <color theme="1"/>
        <rFont val="ＭＳ Ｐ明朝"/>
        <family val="1"/>
        <charset val="128"/>
      </rPr>
      <t>移動ではなく、行動という言葉に変えてはどうか</t>
    </r>
    <r>
      <rPr>
        <sz val="11"/>
        <color theme="1"/>
        <rFont val="ＭＳ Ｐ明朝"/>
        <family val="1"/>
        <charset val="128"/>
      </rPr>
      <t>。</t>
    </r>
    <rPh sb="0" eb="2">
      <t>ジョウレイ</t>
    </rPh>
    <rPh sb="2" eb="3">
      <t>ダイ</t>
    </rPh>
    <rPh sb="4" eb="5">
      <t>ジョウ</t>
    </rPh>
    <rPh sb="11" eb="14">
      <t>ショウガイシャ</t>
    </rPh>
    <rPh sb="15" eb="17">
      <t>アンシン</t>
    </rPh>
    <rPh sb="19" eb="21">
      <t>セイカツ</t>
    </rPh>
    <rPh sb="23" eb="24">
      <t>ミズカ</t>
    </rPh>
    <rPh sb="26" eb="28">
      <t>イシ</t>
    </rPh>
    <rPh sb="29" eb="31">
      <t>ジユウ</t>
    </rPh>
    <rPh sb="32" eb="34">
      <t>イドウ</t>
    </rPh>
    <rPh sb="39" eb="41">
      <t>コトバ</t>
    </rPh>
    <rPh sb="50" eb="52">
      <t>イドウ</t>
    </rPh>
    <rPh sb="56" eb="57">
      <t>ヒト</t>
    </rPh>
    <rPh sb="60" eb="62">
      <t>タイショウ</t>
    </rPh>
    <rPh sb="67" eb="68">
      <t>オモ</t>
    </rPh>
    <rPh sb="75" eb="77">
      <t>イドウ</t>
    </rPh>
    <rPh sb="82" eb="84">
      <t>コウドウ</t>
    </rPh>
    <rPh sb="87" eb="89">
      <t>コトバ</t>
    </rPh>
    <rPh sb="90" eb="91">
      <t>カ</t>
    </rPh>
    <phoneticPr fontId="2"/>
  </si>
  <si>
    <r>
      <t xml:space="preserve">資料３「４情報バリアフリー」について、「障害者が困らないように」という言葉が抜けている。
</t>
    </r>
    <r>
      <rPr>
        <u/>
        <sz val="11"/>
        <color theme="1"/>
        <rFont val="ＭＳ Ｐ明朝"/>
        <family val="1"/>
        <charset val="128"/>
      </rPr>
      <t>障害者の困り事を解決するというのが、この条例の基本的な目標</t>
    </r>
    <r>
      <rPr>
        <sz val="11"/>
        <color theme="1"/>
        <rFont val="ＭＳ Ｐ明朝"/>
        <family val="1"/>
        <charset val="128"/>
      </rPr>
      <t>であり、言葉だけで物を説いているように思う。
大事なことは、</t>
    </r>
    <r>
      <rPr>
        <u/>
        <sz val="11"/>
        <color theme="1"/>
        <rFont val="ＭＳ Ｐ明朝"/>
        <family val="1"/>
        <charset val="128"/>
      </rPr>
      <t>障害者が困らないように条例を作るにはどうしたらいいか</t>
    </r>
    <r>
      <rPr>
        <sz val="11"/>
        <color theme="1"/>
        <rFont val="ＭＳ Ｐ明朝"/>
        <family val="1"/>
        <charset val="128"/>
      </rPr>
      <t>ということ。</t>
    </r>
    <rPh sb="0" eb="2">
      <t>シリョウ</t>
    </rPh>
    <rPh sb="5" eb="7">
      <t>ジョウホウ</t>
    </rPh>
    <phoneticPr fontId="2"/>
  </si>
  <si>
    <r>
      <rPr>
        <u/>
        <sz val="11"/>
        <color theme="1"/>
        <rFont val="ＭＳ Ｐ明朝"/>
        <family val="1"/>
        <charset val="128"/>
      </rPr>
      <t>この条例でできること、できないことを早めに決めておく</t>
    </r>
    <r>
      <rPr>
        <sz val="11"/>
        <color theme="1"/>
        <rFont val="ＭＳ Ｐ明朝"/>
        <family val="1"/>
        <charset val="128"/>
      </rPr>
      <t>のが大事。できないことはどうやってフォローするかを考える方を努力するとよい。</t>
    </r>
    <rPh sb="2" eb="4">
      <t>ジョウレイ</t>
    </rPh>
    <rPh sb="18" eb="19">
      <t>ハヤ</t>
    </rPh>
    <rPh sb="21" eb="22">
      <t>キ</t>
    </rPh>
    <rPh sb="28" eb="30">
      <t>ダイジ</t>
    </rPh>
    <rPh sb="51" eb="52">
      <t>カンガ</t>
    </rPh>
    <rPh sb="54" eb="55">
      <t>ホウ</t>
    </rPh>
    <rPh sb="56" eb="58">
      <t>ドリョク</t>
    </rPh>
    <phoneticPr fontId="2"/>
  </si>
  <si>
    <r>
      <t>整理の仕方として、</t>
    </r>
    <r>
      <rPr>
        <u/>
        <sz val="11"/>
        <color theme="1"/>
        <rFont val="ＭＳ Ｐ明朝"/>
        <family val="1"/>
        <charset val="128"/>
      </rPr>
      <t>理念の部分では幅広く考え方を取り入れつつも、具体的に何ができるかというところは、規制で義務化するのではなく、マニュアル等で推奨例を取り上げて、誘導していくような方法</t>
    </r>
    <r>
      <rPr>
        <sz val="11"/>
        <color theme="1"/>
        <rFont val="ＭＳ Ｐ明朝"/>
        <family val="1"/>
        <charset val="128"/>
      </rPr>
      <t>か。</t>
    </r>
    <rPh sb="0" eb="2">
      <t>セイリ</t>
    </rPh>
    <rPh sb="3" eb="5">
      <t>シカタ</t>
    </rPh>
    <rPh sb="9" eb="11">
      <t>リネン</t>
    </rPh>
    <rPh sb="12" eb="14">
      <t>ブブン</t>
    </rPh>
    <rPh sb="16" eb="18">
      <t>ハバヒロ</t>
    </rPh>
    <rPh sb="19" eb="20">
      <t>カンガ</t>
    </rPh>
    <rPh sb="21" eb="22">
      <t>カタ</t>
    </rPh>
    <rPh sb="23" eb="24">
      <t>ト</t>
    </rPh>
    <rPh sb="25" eb="26">
      <t>イ</t>
    </rPh>
    <rPh sb="31" eb="34">
      <t>グタイテキ</t>
    </rPh>
    <rPh sb="35" eb="36">
      <t>ナニ</t>
    </rPh>
    <rPh sb="49" eb="51">
      <t>キセイ</t>
    </rPh>
    <rPh sb="52" eb="55">
      <t>ギムカ</t>
    </rPh>
    <rPh sb="68" eb="69">
      <t>トウ</t>
    </rPh>
    <rPh sb="70" eb="72">
      <t>スイショウ</t>
    </rPh>
    <rPh sb="72" eb="73">
      <t>レイ</t>
    </rPh>
    <rPh sb="74" eb="75">
      <t>ト</t>
    </rPh>
    <rPh sb="76" eb="77">
      <t>ア</t>
    </rPh>
    <rPh sb="80" eb="82">
      <t>ユウドウ</t>
    </rPh>
    <rPh sb="89" eb="91">
      <t>ホウホウ</t>
    </rPh>
    <phoneticPr fontId="2"/>
  </si>
  <si>
    <r>
      <t>情報アクセシビリティを始めとした障害者の権利を守ることと同様に、</t>
    </r>
    <r>
      <rPr>
        <u/>
        <sz val="11"/>
        <color theme="1"/>
        <rFont val="ＭＳ Ｐ明朝"/>
        <family val="1"/>
        <charset val="128"/>
      </rPr>
      <t>権利侵害について整合性をどうつけるか</t>
    </r>
    <r>
      <rPr>
        <sz val="11"/>
        <color theme="1"/>
        <rFont val="ＭＳ Ｐ明朝"/>
        <family val="1"/>
        <charset val="128"/>
      </rPr>
      <t>という問題がある。</t>
    </r>
    <rPh sb="0" eb="2">
      <t>ジョウホウ</t>
    </rPh>
    <rPh sb="11" eb="12">
      <t>ハジ</t>
    </rPh>
    <rPh sb="16" eb="19">
      <t>ショウガイシャ</t>
    </rPh>
    <rPh sb="20" eb="22">
      <t>ケンリ</t>
    </rPh>
    <rPh sb="23" eb="24">
      <t>マモ</t>
    </rPh>
    <rPh sb="28" eb="30">
      <t>ドウヨウ</t>
    </rPh>
    <rPh sb="32" eb="34">
      <t>ケンリ</t>
    </rPh>
    <rPh sb="34" eb="36">
      <t>シンガイ</t>
    </rPh>
    <rPh sb="40" eb="43">
      <t>セイゴウセイ</t>
    </rPh>
    <rPh sb="53" eb="55">
      <t>モンダイ</t>
    </rPh>
    <phoneticPr fontId="2"/>
  </si>
  <si>
    <r>
      <rPr>
        <u/>
        <sz val="11"/>
        <color theme="1"/>
        <rFont val="ＭＳ Ｐ明朝"/>
        <family val="1"/>
        <charset val="128"/>
      </rPr>
      <t>個人を人として尊重するということは「ともに生きる社会づくり」では基本</t>
    </r>
    <r>
      <rPr>
        <sz val="11"/>
        <color theme="1"/>
        <rFont val="ＭＳ Ｐ明朝"/>
        <family val="1"/>
        <charset val="128"/>
      </rPr>
      <t>だと思うので、誤解のない表現で入れておくことは必要。
また</t>
    </r>
    <r>
      <rPr>
        <u/>
        <sz val="11"/>
        <color theme="1"/>
        <rFont val="ＭＳ Ｐ明朝"/>
        <family val="1"/>
        <charset val="128"/>
      </rPr>
      <t>情報について、人権侵害に結びつくようなものは「自由」とは言えないので、よく検討して言葉を作る必要</t>
    </r>
    <r>
      <rPr>
        <sz val="11"/>
        <color theme="1"/>
        <rFont val="ＭＳ Ｐ明朝"/>
        <family val="1"/>
        <charset val="128"/>
      </rPr>
      <t>がある。</t>
    </r>
    <rPh sb="0" eb="2">
      <t>コジン</t>
    </rPh>
    <rPh sb="3" eb="4">
      <t>ヒト</t>
    </rPh>
    <rPh sb="7" eb="9">
      <t>ソンチョウ</t>
    </rPh>
    <rPh sb="21" eb="22">
      <t>イ</t>
    </rPh>
    <rPh sb="24" eb="26">
      <t>シャカイ</t>
    </rPh>
    <rPh sb="32" eb="34">
      <t>キホン</t>
    </rPh>
    <rPh sb="36" eb="37">
      <t>オモ</t>
    </rPh>
    <rPh sb="41" eb="43">
      <t>ゴカイ</t>
    </rPh>
    <rPh sb="46" eb="48">
      <t>ヒョウゲン</t>
    </rPh>
    <rPh sb="49" eb="50">
      <t>イ</t>
    </rPh>
    <rPh sb="57" eb="59">
      <t>ヒツヨウ</t>
    </rPh>
    <phoneticPr fontId="2"/>
  </si>
  <si>
    <r>
      <t>アクセシビリティやユーザビリティの実現を設計として具体化する時が難しい。理解を進めるためにも、</t>
    </r>
    <r>
      <rPr>
        <u/>
        <sz val="11"/>
        <color theme="1"/>
        <rFont val="ＭＳ Ｐ明朝"/>
        <family val="1"/>
        <charset val="128"/>
      </rPr>
      <t>理念的な内容を書くのは大事なことで、もっと具体的な話として落とし込んで</t>
    </r>
    <r>
      <rPr>
        <sz val="11"/>
        <color theme="1"/>
        <rFont val="ＭＳ Ｐ明朝"/>
        <family val="1"/>
        <charset val="128"/>
      </rPr>
      <t>ほしい。</t>
    </r>
    <rPh sb="17" eb="19">
      <t>ジツゲン</t>
    </rPh>
    <rPh sb="20" eb="22">
      <t>セッケイ</t>
    </rPh>
    <rPh sb="25" eb="28">
      <t>グタイカ</t>
    </rPh>
    <rPh sb="30" eb="31">
      <t>トキ</t>
    </rPh>
    <rPh sb="32" eb="33">
      <t>ムズカ</t>
    </rPh>
    <rPh sb="36" eb="38">
      <t>リカイ</t>
    </rPh>
    <rPh sb="39" eb="40">
      <t>スス</t>
    </rPh>
    <rPh sb="47" eb="49">
      <t>リネン</t>
    </rPh>
    <rPh sb="51" eb="53">
      <t>ナイヨウ</t>
    </rPh>
    <phoneticPr fontId="2"/>
  </si>
  <si>
    <r>
      <rPr>
        <u/>
        <sz val="11"/>
        <color theme="1"/>
        <rFont val="ＭＳ Ｐ明朝"/>
        <family val="1"/>
        <charset val="128"/>
      </rPr>
      <t>障害者が情報を使うときに困ることについて、それを言葉にして、一般の人と差別が起こらないようにするような書き方</t>
    </r>
    <r>
      <rPr>
        <sz val="11"/>
        <color theme="1"/>
        <rFont val="ＭＳ Ｐ明朝"/>
        <family val="1"/>
        <charset val="128"/>
      </rPr>
      <t>をするとよい。</t>
    </r>
    <phoneticPr fontId="2"/>
  </si>
  <si>
    <r>
      <t>認知症や発達障害の方への対応について。困っている人は各施設で共通のストラップを付ける等の方法で、施設が使いやすくなる。そうした</t>
    </r>
    <r>
      <rPr>
        <u/>
        <sz val="11"/>
        <color theme="1"/>
        <rFont val="ＭＳ Ｐ明朝"/>
        <family val="1"/>
        <charset val="128"/>
      </rPr>
      <t>利用の配慮について、もう少しどこかに書けないか</t>
    </r>
    <r>
      <rPr>
        <sz val="11"/>
        <color theme="1"/>
        <rFont val="ＭＳ Ｐ明朝"/>
        <family val="1"/>
        <charset val="128"/>
      </rPr>
      <t>。</t>
    </r>
    <rPh sb="0" eb="3">
      <t>ニンチショウ</t>
    </rPh>
    <rPh sb="4" eb="8">
      <t>ハッタツショウガイ</t>
    </rPh>
    <rPh sb="9" eb="10">
      <t>カタ</t>
    </rPh>
    <rPh sb="12" eb="14">
      <t>タイオウ</t>
    </rPh>
    <rPh sb="19" eb="20">
      <t>コマ</t>
    </rPh>
    <rPh sb="24" eb="25">
      <t>ヒト</t>
    </rPh>
    <rPh sb="26" eb="29">
      <t>カクシセツ</t>
    </rPh>
    <rPh sb="30" eb="32">
      <t>キョウツウ</t>
    </rPh>
    <rPh sb="39" eb="40">
      <t>ツ</t>
    </rPh>
    <rPh sb="42" eb="43">
      <t>トウ</t>
    </rPh>
    <rPh sb="44" eb="46">
      <t>ホウホウ</t>
    </rPh>
    <rPh sb="48" eb="50">
      <t>シセツ</t>
    </rPh>
    <rPh sb="51" eb="52">
      <t>ツカ</t>
    </rPh>
    <rPh sb="63" eb="65">
      <t>リヨウ</t>
    </rPh>
    <rPh sb="66" eb="68">
      <t>ハイリョ</t>
    </rPh>
    <rPh sb="75" eb="76">
      <t>スコ</t>
    </rPh>
    <rPh sb="81" eb="82">
      <t>カ</t>
    </rPh>
    <phoneticPr fontId="2"/>
  </si>
  <si>
    <r>
      <rPr>
        <u/>
        <sz val="11"/>
        <color theme="1"/>
        <rFont val="ＭＳ Ｐ明朝"/>
        <family val="1"/>
        <charset val="128"/>
      </rPr>
      <t>施設を作ったあとに、その設備がきちんと生かされていないことが多い</t>
    </r>
    <r>
      <rPr>
        <sz val="11"/>
        <color theme="1"/>
        <rFont val="ＭＳ Ｐ明朝"/>
        <family val="1"/>
        <charset val="128"/>
      </rPr>
      <t>。設備の確認をして、正しく使われていない場合は改善するよう指導する仕組みはあったほうがいいのでは。</t>
    </r>
    <rPh sb="0" eb="2">
      <t>シセツ</t>
    </rPh>
    <rPh sb="3" eb="4">
      <t>ツク</t>
    </rPh>
    <rPh sb="12" eb="14">
      <t>セツビ</t>
    </rPh>
    <rPh sb="19" eb="20">
      <t>イ</t>
    </rPh>
    <rPh sb="30" eb="31">
      <t>オオ</t>
    </rPh>
    <rPh sb="33" eb="35">
      <t>セツビ</t>
    </rPh>
    <rPh sb="36" eb="38">
      <t>カクニン</t>
    </rPh>
    <rPh sb="42" eb="43">
      <t>タダ</t>
    </rPh>
    <rPh sb="45" eb="46">
      <t>ツカ</t>
    </rPh>
    <rPh sb="52" eb="54">
      <t>バアイ</t>
    </rPh>
    <rPh sb="55" eb="57">
      <t>カイゼン</t>
    </rPh>
    <rPh sb="61" eb="63">
      <t>シドウ</t>
    </rPh>
    <rPh sb="65" eb="67">
      <t>シク</t>
    </rPh>
    <phoneticPr fontId="2"/>
  </si>
  <si>
    <r>
      <rPr>
        <u/>
        <sz val="11"/>
        <color theme="1"/>
        <rFont val="ＭＳ Ｐ明朝"/>
        <family val="1"/>
        <charset val="128"/>
      </rPr>
      <t>多様な主体が関わる場所では、それぞれ個別の主体がスパイラルアップをバラバラにやっても意味がない</t>
    </r>
    <r>
      <rPr>
        <sz val="11"/>
        <color theme="1"/>
        <rFont val="ＭＳ Ｐ明朝"/>
        <family val="1"/>
        <charset val="128"/>
      </rPr>
      <t>。一括して診断し、評価をしていくやり方を取らない限り、問題は顕在化しないので、</t>
    </r>
    <r>
      <rPr>
        <u/>
        <sz val="11"/>
        <color theme="1"/>
        <rFont val="ＭＳ Ｐ明朝"/>
        <family val="1"/>
        <charset val="128"/>
      </rPr>
      <t>新しいプログラムとして作る必要</t>
    </r>
    <r>
      <rPr>
        <sz val="11"/>
        <color theme="1"/>
        <rFont val="ＭＳ Ｐ明朝"/>
        <family val="1"/>
        <charset val="128"/>
      </rPr>
      <t>がある。</t>
    </r>
    <rPh sb="0" eb="2">
      <t>タヨウ</t>
    </rPh>
    <rPh sb="3" eb="5">
      <t>シュタイ</t>
    </rPh>
    <rPh sb="6" eb="7">
      <t>カカ</t>
    </rPh>
    <rPh sb="9" eb="11">
      <t>バショ</t>
    </rPh>
    <rPh sb="18" eb="20">
      <t>コベツ</t>
    </rPh>
    <rPh sb="21" eb="23">
      <t>シュタイ</t>
    </rPh>
    <rPh sb="42" eb="44">
      <t>イミ</t>
    </rPh>
    <rPh sb="48" eb="50">
      <t>イッカツ</t>
    </rPh>
    <phoneticPr fontId="2"/>
  </si>
  <si>
    <r>
      <t>鉄道駅及びその周辺など、</t>
    </r>
    <r>
      <rPr>
        <u/>
        <sz val="11"/>
        <color theme="1"/>
        <rFont val="ＭＳ Ｐ明朝"/>
        <family val="1"/>
        <charset val="128"/>
      </rPr>
      <t>基本構想で規定するようなエリアの診断をちゃんとすると、バリアフリーのレベルが上がるはず</t>
    </r>
    <r>
      <rPr>
        <sz val="11"/>
        <color theme="1"/>
        <rFont val="ＭＳ Ｐ明朝"/>
        <family val="1"/>
        <charset val="128"/>
      </rPr>
      <t>。市町村はそうしたことをやっていないので、もったいない。</t>
    </r>
    <rPh sb="0" eb="2">
      <t>テツドウ</t>
    </rPh>
    <rPh sb="2" eb="3">
      <t>エキ</t>
    </rPh>
    <rPh sb="3" eb="4">
      <t>オヨ</t>
    </rPh>
    <rPh sb="7" eb="9">
      <t>シュウヘン</t>
    </rPh>
    <rPh sb="12" eb="14">
      <t>キホン</t>
    </rPh>
    <rPh sb="14" eb="16">
      <t>コウソウ</t>
    </rPh>
    <rPh sb="17" eb="19">
      <t>キテイ</t>
    </rPh>
    <rPh sb="28" eb="30">
      <t>シンダン</t>
    </rPh>
    <rPh sb="50" eb="51">
      <t>ア</t>
    </rPh>
    <rPh sb="56" eb="59">
      <t>シチョウソン</t>
    </rPh>
    <phoneticPr fontId="2"/>
  </si>
  <si>
    <r>
      <t>資料４の有効性について。</t>
    </r>
    <r>
      <rPr>
        <u/>
        <sz val="11"/>
        <color theme="1"/>
        <rFont val="ＭＳ Ｐ明朝"/>
        <family val="1"/>
        <charset val="128"/>
      </rPr>
      <t>誰にとって有効なのかが書かれていない</t>
    </r>
    <r>
      <rPr>
        <sz val="11"/>
        <color theme="1"/>
        <rFont val="ＭＳ Ｐ明朝"/>
        <family val="1"/>
        <charset val="128"/>
      </rPr>
      <t>。
また、</t>
    </r>
    <r>
      <rPr>
        <u/>
        <sz val="11"/>
        <color theme="1"/>
        <rFont val="ＭＳ Ｐ明朝"/>
        <family val="1"/>
        <charset val="128"/>
      </rPr>
      <t>「共生社会づくりの方向性を明確に示す」と、何が変わるのかがわかりにくい。</t>
    </r>
    <r>
      <rPr>
        <sz val="11"/>
        <color theme="1"/>
        <rFont val="ＭＳ Ｐ明朝"/>
        <family val="1"/>
        <charset val="128"/>
      </rPr>
      <t xml:space="preserve">
県議会の人たちが理解しやすい文章にすることが大事。</t>
    </r>
    <rPh sb="0" eb="2">
      <t>シリョウ</t>
    </rPh>
    <rPh sb="4" eb="7">
      <t>ユウコウセイ</t>
    </rPh>
    <rPh sb="12" eb="13">
      <t>ダレ</t>
    </rPh>
    <rPh sb="17" eb="19">
      <t>ユウコウ</t>
    </rPh>
    <rPh sb="23" eb="24">
      <t>カ</t>
    </rPh>
    <rPh sb="36" eb="38">
      <t>キョウセイ</t>
    </rPh>
    <rPh sb="38" eb="40">
      <t>シャカイ</t>
    </rPh>
    <rPh sb="44" eb="47">
      <t>ホウコウセイ</t>
    </rPh>
    <rPh sb="48" eb="50">
      <t>メイカク</t>
    </rPh>
    <rPh sb="51" eb="52">
      <t>シメ</t>
    </rPh>
    <rPh sb="56" eb="57">
      <t>ナニ</t>
    </rPh>
    <rPh sb="58" eb="59">
      <t>カ</t>
    </rPh>
    <rPh sb="72" eb="75">
      <t>ケンギカイ</t>
    </rPh>
    <rPh sb="76" eb="77">
      <t>ヒト</t>
    </rPh>
    <rPh sb="80" eb="82">
      <t>リカイ</t>
    </rPh>
    <rPh sb="86" eb="88">
      <t>ブンショウ</t>
    </rPh>
    <rPh sb="94" eb="96">
      <t>ダイジ</t>
    </rPh>
    <phoneticPr fontId="2"/>
  </si>
  <si>
    <r>
      <rPr>
        <u/>
        <sz val="11"/>
        <color theme="1"/>
        <rFont val="ＭＳ Ｐ明朝"/>
        <family val="1"/>
        <charset val="128"/>
      </rPr>
      <t>誰も取り残さない社会を作るなど、SDGｓ</t>
    </r>
    <r>
      <rPr>
        <sz val="11"/>
        <color theme="1"/>
        <rFont val="ＭＳ Ｐ明朝"/>
        <family val="1"/>
        <charset val="128"/>
      </rPr>
      <t>についても文章に入れたらどうか。</t>
    </r>
    <rPh sb="0" eb="1">
      <t>ダレ</t>
    </rPh>
    <rPh sb="2" eb="3">
      <t>ト</t>
    </rPh>
    <rPh sb="4" eb="5">
      <t>ノコ</t>
    </rPh>
    <rPh sb="8" eb="10">
      <t>シャカイ</t>
    </rPh>
    <rPh sb="11" eb="12">
      <t>ツク</t>
    </rPh>
    <rPh sb="25" eb="27">
      <t>ブンショウ</t>
    </rPh>
    <rPh sb="28" eb="29">
      <t>イ</t>
    </rPh>
    <phoneticPr fontId="2"/>
  </si>
  <si>
    <r>
      <rPr>
        <u/>
        <sz val="11"/>
        <color theme="1"/>
        <rFont val="ＭＳ Ｐ明朝"/>
        <family val="1"/>
        <charset val="128"/>
      </rPr>
      <t>当事者が街づくりに参加できるような仕組みが必要</t>
    </r>
    <r>
      <rPr>
        <sz val="11"/>
        <color theme="1"/>
        <rFont val="ＭＳ Ｐ明朝"/>
        <family val="1"/>
        <charset val="128"/>
      </rPr>
      <t>であることも入れてほしい。</t>
    </r>
    <rPh sb="0" eb="3">
      <t>トウジシャ</t>
    </rPh>
    <rPh sb="4" eb="5">
      <t>マチ</t>
    </rPh>
    <rPh sb="9" eb="11">
      <t>サンカ</t>
    </rPh>
    <rPh sb="17" eb="19">
      <t>シク</t>
    </rPh>
    <rPh sb="21" eb="23">
      <t>ヒツヨウ</t>
    </rPh>
    <rPh sb="29" eb="30">
      <t>イ</t>
    </rPh>
    <phoneticPr fontId="2"/>
  </si>
  <si>
    <r>
      <t>事前協議の段階では設備がきちっと作られているのに、いざ利用する時になると正しく使われていない事例がある。</t>
    </r>
    <r>
      <rPr>
        <u/>
        <sz val="11"/>
        <color theme="1"/>
        <rFont val="ＭＳ Ｐ明朝"/>
        <family val="1"/>
        <charset val="128"/>
      </rPr>
      <t>心のバリアフリーや理解といった内容</t>
    </r>
    <r>
      <rPr>
        <sz val="11"/>
        <color theme="1"/>
        <rFont val="ＭＳ Ｐ明朝"/>
        <family val="1"/>
        <charset val="128"/>
      </rPr>
      <t>をもう少し盛り込んではどうか。</t>
    </r>
    <rPh sb="0" eb="4">
      <t>ジゼンキョウギ</t>
    </rPh>
    <rPh sb="5" eb="7">
      <t>ダンカイ</t>
    </rPh>
    <rPh sb="9" eb="11">
      <t>セツビ</t>
    </rPh>
    <rPh sb="16" eb="17">
      <t>ツク</t>
    </rPh>
    <rPh sb="27" eb="29">
      <t>リヨウ</t>
    </rPh>
    <rPh sb="31" eb="32">
      <t>トキ</t>
    </rPh>
    <rPh sb="36" eb="37">
      <t>タダ</t>
    </rPh>
    <rPh sb="39" eb="40">
      <t>ツカ</t>
    </rPh>
    <rPh sb="46" eb="48">
      <t>ジレイ</t>
    </rPh>
    <rPh sb="52" eb="53">
      <t>ココロ</t>
    </rPh>
    <rPh sb="61" eb="63">
      <t>リカイ</t>
    </rPh>
    <rPh sb="67" eb="69">
      <t>ナイヨウ</t>
    </rPh>
    <rPh sb="72" eb="73">
      <t>スコ</t>
    </rPh>
    <rPh sb="74" eb="75">
      <t>モ</t>
    </rPh>
    <rPh sb="76" eb="77">
      <t>コ</t>
    </rPh>
    <phoneticPr fontId="2"/>
  </si>
  <si>
    <r>
      <t>若い建築士は、バリアフリーの理論や理屈そのものを理解しておらず、整備基準のチェックリストをチェックすればいいという考えになってしまっている。</t>
    </r>
    <r>
      <rPr>
        <u/>
        <sz val="11"/>
        <color theme="1"/>
        <rFont val="ＭＳ Ｐ明朝"/>
        <family val="1"/>
        <charset val="128"/>
      </rPr>
      <t>理念的な内容を、誰が読んでも分かりやすい文章で入れて</t>
    </r>
    <r>
      <rPr>
        <sz val="11"/>
        <color theme="1"/>
        <rFont val="ＭＳ Ｐ明朝"/>
        <family val="1"/>
        <charset val="128"/>
      </rPr>
      <t>もらえるとありがたい。ともに生きる憲章の文章を、チェックリストの様式の頭に記載してもらってもいい。</t>
    </r>
    <rPh sb="0" eb="1">
      <t>ワカ</t>
    </rPh>
    <rPh sb="2" eb="5">
      <t>ケンチクシ</t>
    </rPh>
    <rPh sb="14" eb="16">
      <t>リロン</t>
    </rPh>
    <rPh sb="17" eb="19">
      <t>リクツ</t>
    </rPh>
    <rPh sb="24" eb="26">
      <t>リカイ</t>
    </rPh>
    <rPh sb="32" eb="36">
      <t>セイビキジュン</t>
    </rPh>
    <rPh sb="57" eb="58">
      <t>カンガ</t>
    </rPh>
    <rPh sb="70" eb="72">
      <t>リネン</t>
    </rPh>
    <rPh sb="72" eb="73">
      <t>テキ</t>
    </rPh>
    <rPh sb="74" eb="76">
      <t>ナイヨウ</t>
    </rPh>
    <rPh sb="78" eb="79">
      <t>ダレ</t>
    </rPh>
    <rPh sb="80" eb="81">
      <t>ヨ</t>
    </rPh>
    <rPh sb="84" eb="85">
      <t>ワ</t>
    </rPh>
    <rPh sb="90" eb="92">
      <t>ブンショウ</t>
    </rPh>
    <rPh sb="93" eb="94">
      <t>イ</t>
    </rPh>
    <rPh sb="110" eb="111">
      <t>イ</t>
    </rPh>
    <rPh sb="113" eb="115">
      <t>ケンショウ</t>
    </rPh>
    <rPh sb="116" eb="118">
      <t>ブンショウ</t>
    </rPh>
    <rPh sb="128" eb="130">
      <t>ヨウシキ</t>
    </rPh>
    <rPh sb="131" eb="132">
      <t>アタマ</t>
    </rPh>
    <rPh sb="133" eb="135">
      <t>キサイ</t>
    </rPh>
    <phoneticPr fontId="2"/>
  </si>
  <si>
    <r>
      <rPr>
        <u/>
        <sz val="11"/>
        <color theme="1"/>
        <rFont val="ＭＳ Ｐ明朝"/>
        <family val="1"/>
        <charset val="128"/>
      </rPr>
      <t>理念を明確にすることに加え、普及啓発や、理解をさらに深めるということがまだ十分ではないという認識</t>
    </r>
    <r>
      <rPr>
        <sz val="11"/>
        <color theme="1"/>
        <rFont val="ＭＳ Ｐ明朝"/>
        <family val="1"/>
        <charset val="128"/>
      </rPr>
      <t>を書いておくといい。</t>
    </r>
    <rPh sb="0" eb="2">
      <t>リネン</t>
    </rPh>
    <rPh sb="3" eb="5">
      <t>メイカク</t>
    </rPh>
    <rPh sb="11" eb="12">
      <t>クワ</t>
    </rPh>
    <rPh sb="14" eb="16">
      <t>フキュウ</t>
    </rPh>
    <rPh sb="16" eb="18">
      <t>ケイハツ</t>
    </rPh>
    <rPh sb="20" eb="22">
      <t>リカイ</t>
    </rPh>
    <rPh sb="26" eb="27">
      <t>フカ</t>
    </rPh>
    <rPh sb="37" eb="39">
      <t>ジュウブン</t>
    </rPh>
    <rPh sb="46" eb="48">
      <t>ニンシキ</t>
    </rPh>
    <rPh sb="49" eb="50">
      <t>カ</t>
    </rPh>
    <phoneticPr fontId="2"/>
  </si>
  <si>
    <t>大原会長</t>
    <rPh sb="0" eb="2">
      <t>オオハラ</t>
    </rPh>
    <rPh sb="2" eb="4">
      <t>カイチョウ</t>
    </rPh>
    <phoneticPr fontId="2"/>
  </si>
  <si>
    <t>大原会長</t>
    <rPh sb="0" eb="2">
      <t>オオハラ</t>
    </rPh>
    <rPh sb="2" eb="4">
      <t>カイチョウ</t>
    </rPh>
    <phoneticPr fontId="2"/>
  </si>
  <si>
    <t>大原会長</t>
    <rPh sb="0" eb="4">
      <t>オオハラカイチョウ</t>
    </rPh>
    <phoneticPr fontId="2"/>
  </si>
  <si>
    <r>
      <t>誰もがその人らしく生き、生活をし、暮らすということをぜひ入れてほしい。</t>
    </r>
    <r>
      <rPr>
        <u/>
        <sz val="11"/>
        <color theme="1"/>
        <rFont val="ＭＳ Ｐ明朝"/>
        <family val="1"/>
        <charset val="128"/>
      </rPr>
      <t xml:space="preserve">
バリアフリーの街づくりというのは本来手段であり、その先に何があるか</t>
    </r>
    <r>
      <rPr>
        <sz val="11"/>
        <color theme="1"/>
        <rFont val="ＭＳ Ｐ明朝"/>
        <family val="1"/>
        <charset val="128"/>
      </rPr>
      <t>をちゃんと示さないといけない。</t>
    </r>
    <rPh sb="0" eb="1">
      <t>ダレ</t>
    </rPh>
    <rPh sb="5" eb="6">
      <t>ヒト</t>
    </rPh>
    <rPh sb="9" eb="10">
      <t>イ</t>
    </rPh>
    <rPh sb="12" eb="14">
      <t>セイカツ</t>
    </rPh>
    <rPh sb="17" eb="18">
      <t>ク</t>
    </rPh>
    <rPh sb="28" eb="29">
      <t>イ</t>
    </rPh>
    <rPh sb="43" eb="44">
      <t>マチ</t>
    </rPh>
    <rPh sb="52" eb="54">
      <t>ホンライ</t>
    </rPh>
    <rPh sb="54" eb="56">
      <t>シュダン</t>
    </rPh>
    <rPh sb="62" eb="63">
      <t>サキ</t>
    </rPh>
    <rPh sb="64" eb="65">
      <t>ナニ</t>
    </rPh>
    <rPh sb="74" eb="75">
      <t>シメ</t>
    </rPh>
    <phoneticPr fontId="2"/>
  </si>
  <si>
    <r>
      <rPr>
        <u/>
        <sz val="11"/>
        <color theme="1"/>
        <rFont val="ＭＳ Ｐ明朝"/>
        <family val="1"/>
        <charset val="128"/>
      </rPr>
      <t>アクセシビリティとユーザビリティの関係</t>
    </r>
    <r>
      <rPr>
        <sz val="11"/>
        <color theme="1"/>
        <rFont val="ＭＳ Ｐ明朝"/>
        <family val="1"/>
        <charset val="128"/>
      </rPr>
      <t>について、検討項目として挙げておく必要がある。</t>
    </r>
    <rPh sb="17" eb="19">
      <t>カンケイ</t>
    </rPh>
    <rPh sb="24" eb="26">
      <t>ケントウ</t>
    </rPh>
    <rPh sb="26" eb="28">
      <t>コウモク</t>
    </rPh>
    <rPh sb="31" eb="32">
      <t>ア</t>
    </rPh>
    <rPh sb="36" eb="38">
      <t>ヒツヨウ</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6" x14ac:knownFonts="1">
    <font>
      <sz val="12"/>
      <color theme="1"/>
      <name val="ＭＳ 明朝"/>
      <family val="2"/>
      <charset val="128"/>
    </font>
    <font>
      <sz val="12"/>
      <color theme="1"/>
      <name val="ＭＳ Ｐゴシック"/>
      <family val="3"/>
      <charset val="128"/>
    </font>
    <font>
      <sz val="6"/>
      <name val="ＭＳ 明朝"/>
      <family val="2"/>
      <charset val="128"/>
    </font>
    <font>
      <sz val="11"/>
      <color theme="1"/>
      <name val="ＭＳ Ｐ明朝"/>
      <family val="1"/>
      <charset val="128"/>
    </font>
    <font>
      <sz val="10"/>
      <color theme="1"/>
      <name val="ＭＳ Ｐ明朝"/>
      <family val="1"/>
      <charset val="128"/>
    </font>
    <font>
      <u/>
      <sz val="11"/>
      <color theme="1"/>
      <name val="ＭＳ Ｐ明朝"/>
      <family val="1"/>
      <charset val="128"/>
    </font>
  </fonts>
  <fills count="2">
    <fill>
      <patternFill patternType="none"/>
    </fill>
    <fill>
      <patternFill patternType="gray125"/>
    </fill>
  </fills>
  <borders count="2">
    <border>
      <left/>
      <right/>
      <top/>
      <bottom/>
      <diagonal/>
    </border>
    <border>
      <left style="thin">
        <color indexed="64"/>
      </left>
      <right style="thin">
        <color indexed="64"/>
      </right>
      <top style="thin">
        <color indexed="64"/>
      </top>
      <bottom style="thin">
        <color indexed="64"/>
      </bottom>
      <diagonal/>
    </border>
  </borders>
  <cellStyleXfs count="1">
    <xf numFmtId="0" fontId="0" fillId="0" borderId="0">
      <alignment vertical="center"/>
    </xf>
  </cellStyleXfs>
  <cellXfs count="16">
    <xf numFmtId="0" fontId="0" fillId="0" borderId="0" xfId="0">
      <alignment vertical="center"/>
    </xf>
    <xf numFmtId="0" fontId="1" fillId="0" borderId="0" xfId="0" applyFont="1" applyAlignment="1">
      <alignment vertical="center"/>
    </xf>
    <xf numFmtId="0" fontId="3" fillId="0" borderId="0" xfId="0" applyFont="1">
      <alignment vertical="center"/>
    </xf>
    <xf numFmtId="0" fontId="3" fillId="0" borderId="0" xfId="0" applyFont="1" applyAlignment="1">
      <alignment vertical="center"/>
    </xf>
    <xf numFmtId="0" fontId="3" fillId="0" borderId="1" xfId="0" applyFont="1" applyBorder="1" applyAlignment="1">
      <alignment horizontal="center" vertical="center" wrapText="1"/>
    </xf>
    <xf numFmtId="0" fontId="3" fillId="0" borderId="1" xfId="0" applyFont="1" applyBorder="1" applyAlignment="1">
      <alignment horizontal="center" vertical="center" shrinkToFit="1"/>
    </xf>
    <xf numFmtId="0" fontId="3" fillId="0" borderId="1" xfId="0" applyFont="1" applyBorder="1" applyAlignment="1">
      <alignment vertical="center" wrapText="1"/>
    </xf>
    <xf numFmtId="0" fontId="3" fillId="0" borderId="1" xfId="0" applyFont="1" applyBorder="1" applyAlignment="1">
      <alignment vertical="center" shrinkToFit="1"/>
    </xf>
    <xf numFmtId="0" fontId="3" fillId="0" borderId="0" xfId="0" applyFont="1" applyAlignment="1">
      <alignment vertical="center" wrapText="1"/>
    </xf>
    <xf numFmtId="0" fontId="3" fillId="0" borderId="1" xfId="0" applyFont="1" applyFill="1" applyBorder="1" applyAlignment="1">
      <alignment vertical="center" wrapText="1"/>
    </xf>
    <xf numFmtId="0" fontId="3" fillId="0" borderId="1" xfId="0" applyFont="1" applyFill="1" applyBorder="1" applyAlignment="1">
      <alignment vertical="center" shrinkToFit="1"/>
    </xf>
    <xf numFmtId="0" fontId="3" fillId="0" borderId="1" xfId="0" applyFont="1" applyBorder="1" applyAlignment="1">
      <alignment horizontal="center" vertical="center"/>
    </xf>
    <xf numFmtId="0" fontId="4" fillId="0" borderId="1" xfId="0" applyFont="1" applyBorder="1" applyAlignment="1">
      <alignment horizontal="left" vertical="center" wrapText="1"/>
    </xf>
    <xf numFmtId="0" fontId="3" fillId="0" borderId="1" xfId="0" applyFont="1" applyBorder="1" applyAlignment="1">
      <alignment horizontal="center" vertical="center"/>
    </xf>
    <xf numFmtId="0" fontId="3" fillId="0" borderId="1" xfId="0" applyFont="1" applyBorder="1" applyAlignment="1">
      <alignment vertical="center" wrapText="1" shrinkToFit="1"/>
    </xf>
    <xf numFmtId="0" fontId="3" fillId="0" borderId="1" xfId="0" applyFont="1" applyBorder="1" applyAlignment="1">
      <alignment horizontal="center" vertical="center"/>
    </xf>
  </cellXfs>
  <cellStyles count="1">
    <cellStyle name="標準" xfId="0" builtinId="0"/>
  </cellStyles>
  <dxfs count="0"/>
  <tableStyles count="0" defaultTableStyle="TableStyleMedium9" defaultPivotStyle="PivotStyleLight16"/>
  <colors>
    <mruColors>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4</xdr:col>
      <xdr:colOff>5486400</xdr:colOff>
      <xdr:row>0</xdr:row>
      <xdr:rowOff>85725</xdr:rowOff>
    </xdr:from>
    <xdr:to>
      <xdr:col>4</xdr:col>
      <xdr:colOff>6505575</xdr:colOff>
      <xdr:row>0</xdr:row>
      <xdr:rowOff>323850</xdr:rowOff>
    </xdr:to>
    <xdr:sp macro="" textlink="">
      <xdr:nvSpPr>
        <xdr:cNvPr id="2" name="正方形/長方形 1"/>
        <xdr:cNvSpPr/>
      </xdr:nvSpPr>
      <xdr:spPr>
        <a:xfrm>
          <a:off x="8486775" y="85725"/>
          <a:ext cx="1019175" cy="238125"/>
        </a:xfrm>
        <a:prstGeom prst="rect">
          <a:avLst/>
        </a:prstGeom>
        <a:noFill/>
        <a:ln w="158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100">
              <a:solidFill>
                <a:sysClr val="windowText" lastClr="000000"/>
              </a:solidFill>
            </a:rPr>
            <a:t>参考資料</a:t>
          </a:r>
          <a:r>
            <a:rPr kumimoji="1" lang="en-US" altLang="ja-JP" sz="1100">
              <a:solidFill>
                <a:sysClr val="windowText" lastClr="000000"/>
              </a:solidFill>
            </a:rPr>
            <a:t>1</a:t>
          </a:r>
          <a:endParaRPr kumimoji="1" lang="ja-JP" altLang="en-US" sz="1100">
            <a:solidFill>
              <a:sysClr val="windowText" lastClr="00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33"/>
  <sheetViews>
    <sheetView tabSelected="1" zoomScale="110" zoomScaleNormal="110" workbookViewId="0">
      <pane xSplit="2" ySplit="3" topLeftCell="C13" activePane="bottomRight" state="frozen"/>
      <selection pane="topRight" activeCell="D1" sqref="D1"/>
      <selection pane="bottomLeft" activeCell="A4" sqref="A4"/>
      <selection pane="bottomRight" activeCell="E16" sqref="E16"/>
    </sheetView>
  </sheetViews>
  <sheetFormatPr defaultColWidth="9" defaultRowHeight="13.2" x14ac:dyDescent="0.2"/>
  <cols>
    <col min="1" max="1" width="4.5" style="2" customWidth="1"/>
    <col min="2" max="2" width="11.3984375" style="2" customWidth="1"/>
    <col min="3" max="3" width="3.5" style="2" customWidth="1"/>
    <col min="4" max="4" width="15.5" style="2" customWidth="1"/>
    <col min="5" max="5" width="86.59765625" style="8" customWidth="1"/>
    <col min="6" max="16384" width="9" style="2"/>
  </cols>
  <sheetData>
    <row r="1" spans="1:5" ht="30.75" customHeight="1" x14ac:dyDescent="0.2">
      <c r="A1" s="1" t="s">
        <v>10</v>
      </c>
      <c r="B1" s="3"/>
      <c r="C1" s="3"/>
      <c r="D1" s="3"/>
      <c r="E1" s="3"/>
    </row>
    <row r="2" spans="1:5" ht="96.6" customHeight="1" x14ac:dyDescent="0.2">
      <c r="A2" s="15"/>
      <c r="B2" s="15"/>
      <c r="C2" s="13"/>
      <c r="D2" s="11"/>
      <c r="E2" s="12" t="s">
        <v>15</v>
      </c>
    </row>
    <row r="3" spans="1:5" x14ac:dyDescent="0.2">
      <c r="A3" s="7" t="s">
        <v>0</v>
      </c>
      <c r="B3" s="5" t="s">
        <v>1</v>
      </c>
      <c r="C3" s="5"/>
      <c r="D3" s="5" t="s">
        <v>9</v>
      </c>
      <c r="E3" s="4" t="s">
        <v>2</v>
      </c>
    </row>
    <row r="4" spans="1:5" ht="33" customHeight="1" x14ac:dyDescent="0.2">
      <c r="A4" s="6">
        <v>1</v>
      </c>
      <c r="B4" s="7" t="s">
        <v>3</v>
      </c>
      <c r="C4" s="7">
        <v>1</v>
      </c>
      <c r="D4" s="7" t="s">
        <v>12</v>
      </c>
      <c r="E4" s="6" t="s">
        <v>18</v>
      </c>
    </row>
    <row r="5" spans="1:5" ht="30" customHeight="1" x14ac:dyDescent="0.2">
      <c r="A5" s="6">
        <v>2</v>
      </c>
      <c r="B5" s="7" t="s">
        <v>3</v>
      </c>
      <c r="C5" s="7">
        <v>1</v>
      </c>
      <c r="D5" s="7" t="s">
        <v>12</v>
      </c>
      <c r="E5" s="6" t="s">
        <v>19</v>
      </c>
    </row>
    <row r="6" spans="1:5" ht="34.799999999999997" customHeight="1" x14ac:dyDescent="0.2">
      <c r="A6" s="6">
        <v>3</v>
      </c>
      <c r="B6" s="7" t="s">
        <v>3</v>
      </c>
      <c r="C6" s="7">
        <v>2</v>
      </c>
      <c r="D6" s="7" t="s">
        <v>13</v>
      </c>
      <c r="E6" s="6" t="s">
        <v>20</v>
      </c>
    </row>
    <row r="7" spans="1:5" ht="29.4" customHeight="1" x14ac:dyDescent="0.2">
      <c r="A7" s="6">
        <v>4</v>
      </c>
      <c r="B7" s="7" t="s">
        <v>3</v>
      </c>
      <c r="C7" s="7">
        <v>4</v>
      </c>
      <c r="D7" s="14" t="s">
        <v>16</v>
      </c>
      <c r="E7" s="6" t="s">
        <v>21</v>
      </c>
    </row>
    <row r="8" spans="1:5" ht="30" customHeight="1" x14ac:dyDescent="0.2">
      <c r="A8" s="6">
        <v>5</v>
      </c>
      <c r="B8" s="7" t="s">
        <v>3</v>
      </c>
      <c r="C8" s="7">
        <v>1</v>
      </c>
      <c r="D8" s="7" t="s">
        <v>12</v>
      </c>
      <c r="E8" s="9" t="s">
        <v>22</v>
      </c>
    </row>
    <row r="9" spans="1:5" ht="46.8" customHeight="1" x14ac:dyDescent="0.2">
      <c r="A9" s="6">
        <v>6</v>
      </c>
      <c r="B9" s="7" t="s">
        <v>5</v>
      </c>
      <c r="C9" s="7">
        <v>5</v>
      </c>
      <c r="D9" s="14" t="s">
        <v>17</v>
      </c>
      <c r="E9" s="9" t="s">
        <v>23</v>
      </c>
    </row>
    <row r="10" spans="1:5" ht="37.799999999999997" customHeight="1" x14ac:dyDescent="0.2">
      <c r="A10" s="6">
        <v>7</v>
      </c>
      <c r="B10" s="7" t="s">
        <v>5</v>
      </c>
      <c r="C10" s="7">
        <v>5</v>
      </c>
      <c r="D10" s="14" t="s">
        <v>17</v>
      </c>
      <c r="E10" s="9" t="s">
        <v>24</v>
      </c>
    </row>
    <row r="11" spans="1:5" ht="37.799999999999997" customHeight="1" x14ac:dyDescent="0.2">
      <c r="A11" s="6">
        <v>8</v>
      </c>
      <c r="B11" s="7" t="s">
        <v>5</v>
      </c>
      <c r="C11" s="7">
        <v>5</v>
      </c>
      <c r="D11" s="14" t="s">
        <v>17</v>
      </c>
      <c r="E11" s="9" t="s">
        <v>25</v>
      </c>
    </row>
    <row r="12" spans="1:5" ht="37.799999999999997" customHeight="1" x14ac:dyDescent="0.2">
      <c r="A12" s="6">
        <v>9</v>
      </c>
      <c r="B12" s="7" t="s">
        <v>5</v>
      </c>
      <c r="C12" s="7">
        <v>5</v>
      </c>
      <c r="D12" s="14" t="s">
        <v>17</v>
      </c>
      <c r="E12" s="9" t="s">
        <v>26</v>
      </c>
    </row>
    <row r="13" spans="1:5" ht="40.200000000000003" customHeight="1" x14ac:dyDescent="0.2">
      <c r="A13" s="6">
        <v>10</v>
      </c>
      <c r="B13" s="7" t="s">
        <v>4</v>
      </c>
      <c r="C13" s="7">
        <v>3</v>
      </c>
      <c r="D13" s="7" t="s">
        <v>14</v>
      </c>
      <c r="E13" s="9" t="s">
        <v>27</v>
      </c>
    </row>
    <row r="14" spans="1:5" ht="42.6" customHeight="1" x14ac:dyDescent="0.2">
      <c r="A14" s="6">
        <v>11</v>
      </c>
      <c r="B14" s="7" t="s">
        <v>4</v>
      </c>
      <c r="C14" s="10">
        <v>4</v>
      </c>
      <c r="D14" s="14" t="s">
        <v>16</v>
      </c>
      <c r="E14" s="9" t="s">
        <v>28</v>
      </c>
    </row>
    <row r="15" spans="1:5" ht="45.6" customHeight="1" x14ac:dyDescent="0.2">
      <c r="A15" s="6">
        <v>12</v>
      </c>
      <c r="B15" s="10" t="s">
        <v>3</v>
      </c>
      <c r="C15" s="10">
        <v>3</v>
      </c>
      <c r="D15" s="7" t="s">
        <v>14</v>
      </c>
      <c r="E15" s="9" t="s">
        <v>29</v>
      </c>
    </row>
    <row r="16" spans="1:5" ht="45.6" customHeight="1" x14ac:dyDescent="0.2">
      <c r="A16" s="6">
        <v>13</v>
      </c>
      <c r="B16" s="10" t="s">
        <v>46</v>
      </c>
      <c r="C16" s="10">
        <v>4</v>
      </c>
      <c r="D16" s="14" t="s">
        <v>16</v>
      </c>
      <c r="E16" s="9" t="s">
        <v>50</v>
      </c>
    </row>
    <row r="17" spans="1:5" ht="43.2" customHeight="1" x14ac:dyDescent="0.2">
      <c r="A17" s="6">
        <v>14</v>
      </c>
      <c r="B17" s="10" t="s">
        <v>7</v>
      </c>
      <c r="C17" s="10">
        <v>4</v>
      </c>
      <c r="D17" s="14" t="s">
        <v>16</v>
      </c>
      <c r="E17" s="9" t="s">
        <v>30</v>
      </c>
    </row>
    <row r="18" spans="1:5" ht="34.200000000000003" customHeight="1" x14ac:dyDescent="0.2">
      <c r="A18" s="6">
        <v>15</v>
      </c>
      <c r="B18" s="10" t="s">
        <v>47</v>
      </c>
      <c r="C18" s="10">
        <v>4</v>
      </c>
      <c r="D18" s="14" t="s">
        <v>16</v>
      </c>
      <c r="E18" s="9" t="s">
        <v>31</v>
      </c>
    </row>
    <row r="19" spans="1:5" ht="34.799999999999997" customHeight="1" x14ac:dyDescent="0.2">
      <c r="A19" s="6">
        <v>16</v>
      </c>
      <c r="B19" s="10" t="s">
        <v>8</v>
      </c>
      <c r="C19" s="10">
        <v>3</v>
      </c>
      <c r="D19" s="7" t="s">
        <v>14</v>
      </c>
      <c r="E19" s="9" t="s">
        <v>32</v>
      </c>
    </row>
    <row r="20" spans="1:5" ht="51.6" customHeight="1" x14ac:dyDescent="0.2">
      <c r="A20" s="6">
        <v>17</v>
      </c>
      <c r="B20" s="10" t="s">
        <v>48</v>
      </c>
      <c r="C20" s="10">
        <v>4</v>
      </c>
      <c r="D20" s="14" t="s">
        <v>16</v>
      </c>
      <c r="E20" s="9" t="s">
        <v>33</v>
      </c>
    </row>
    <row r="21" spans="1:5" ht="33.6" customHeight="1" x14ac:dyDescent="0.2">
      <c r="A21" s="6">
        <v>18</v>
      </c>
      <c r="B21" s="10" t="s">
        <v>6</v>
      </c>
      <c r="C21" s="10">
        <v>4</v>
      </c>
      <c r="D21" s="14" t="s">
        <v>16</v>
      </c>
      <c r="E21" s="9" t="s">
        <v>34</v>
      </c>
    </row>
    <row r="22" spans="1:5" ht="33.6" customHeight="1" x14ac:dyDescent="0.2">
      <c r="A22" s="6">
        <v>19</v>
      </c>
      <c r="B22" s="10" t="s">
        <v>3</v>
      </c>
      <c r="C22" s="10">
        <v>4</v>
      </c>
      <c r="D22" s="14" t="s">
        <v>16</v>
      </c>
      <c r="E22" s="9" t="s">
        <v>35</v>
      </c>
    </row>
    <row r="23" spans="1:5" ht="37.799999999999997" customHeight="1" x14ac:dyDescent="0.2">
      <c r="A23" s="6">
        <v>20</v>
      </c>
      <c r="B23" s="10" t="s">
        <v>3</v>
      </c>
      <c r="C23" s="10">
        <v>4</v>
      </c>
      <c r="D23" s="14" t="s">
        <v>16</v>
      </c>
      <c r="E23" s="9" t="s">
        <v>36</v>
      </c>
    </row>
    <row r="24" spans="1:5" ht="37.799999999999997" customHeight="1" x14ac:dyDescent="0.2">
      <c r="A24" s="6">
        <v>21</v>
      </c>
      <c r="B24" s="7" t="s">
        <v>4</v>
      </c>
      <c r="C24" s="7">
        <v>4</v>
      </c>
      <c r="D24" s="14" t="s">
        <v>16</v>
      </c>
      <c r="E24" s="6" t="s">
        <v>37</v>
      </c>
    </row>
    <row r="25" spans="1:5" ht="45.6" customHeight="1" x14ac:dyDescent="0.2">
      <c r="A25" s="6">
        <v>22</v>
      </c>
      <c r="B25" s="7" t="s">
        <v>3</v>
      </c>
      <c r="C25" s="7">
        <v>4</v>
      </c>
      <c r="D25" s="14" t="s">
        <v>16</v>
      </c>
      <c r="E25" s="6" t="s">
        <v>38</v>
      </c>
    </row>
    <row r="26" spans="1:5" ht="48" customHeight="1" x14ac:dyDescent="0.2">
      <c r="A26" s="6">
        <v>23</v>
      </c>
      <c r="B26" s="10" t="s">
        <v>3</v>
      </c>
      <c r="C26" s="10">
        <v>4</v>
      </c>
      <c r="D26" s="14" t="s">
        <v>16</v>
      </c>
      <c r="E26" s="9" t="s">
        <v>39</v>
      </c>
    </row>
    <row r="27" spans="1:5" ht="43.2" customHeight="1" x14ac:dyDescent="0.2">
      <c r="A27" s="6">
        <v>24</v>
      </c>
      <c r="B27" s="10" t="s">
        <v>3</v>
      </c>
      <c r="C27" s="10">
        <v>4</v>
      </c>
      <c r="D27" s="14" t="s">
        <v>16</v>
      </c>
      <c r="E27" s="9" t="s">
        <v>40</v>
      </c>
    </row>
    <row r="28" spans="1:5" ht="45" customHeight="1" x14ac:dyDescent="0.2">
      <c r="A28" s="6">
        <v>25</v>
      </c>
      <c r="B28" s="10" t="s">
        <v>48</v>
      </c>
      <c r="C28" s="10">
        <v>4</v>
      </c>
      <c r="D28" s="14" t="s">
        <v>16</v>
      </c>
      <c r="E28" s="9" t="s">
        <v>49</v>
      </c>
    </row>
    <row r="29" spans="1:5" ht="33.6" customHeight="1" x14ac:dyDescent="0.2">
      <c r="A29" s="6">
        <v>26</v>
      </c>
      <c r="B29" s="10" t="s">
        <v>3</v>
      </c>
      <c r="C29" s="10">
        <v>4</v>
      </c>
      <c r="D29" s="14" t="s">
        <v>16</v>
      </c>
      <c r="E29" s="9" t="s">
        <v>41</v>
      </c>
    </row>
    <row r="30" spans="1:5" ht="30" customHeight="1" x14ac:dyDescent="0.2">
      <c r="A30" s="6">
        <v>27</v>
      </c>
      <c r="B30" s="7" t="s">
        <v>4</v>
      </c>
      <c r="C30" s="7">
        <v>4</v>
      </c>
      <c r="D30" s="14" t="s">
        <v>16</v>
      </c>
      <c r="E30" s="6" t="s">
        <v>42</v>
      </c>
    </row>
    <row r="31" spans="1:5" ht="36.6" customHeight="1" x14ac:dyDescent="0.2">
      <c r="A31" s="6">
        <v>28</v>
      </c>
      <c r="B31" s="7" t="s">
        <v>5</v>
      </c>
      <c r="C31" s="7">
        <v>2</v>
      </c>
      <c r="D31" s="7" t="s">
        <v>13</v>
      </c>
      <c r="E31" s="6" t="s">
        <v>43</v>
      </c>
    </row>
    <row r="32" spans="1:5" ht="49.8" customHeight="1" x14ac:dyDescent="0.2">
      <c r="A32" s="6">
        <v>29</v>
      </c>
      <c r="B32" s="10" t="s">
        <v>11</v>
      </c>
      <c r="C32" s="10">
        <v>4</v>
      </c>
      <c r="D32" s="14" t="s">
        <v>16</v>
      </c>
      <c r="E32" s="6" t="s">
        <v>44</v>
      </c>
    </row>
    <row r="33" spans="1:5" ht="46.2" customHeight="1" x14ac:dyDescent="0.2">
      <c r="A33" s="6">
        <v>30</v>
      </c>
      <c r="B33" s="10" t="s">
        <v>46</v>
      </c>
      <c r="C33" s="10">
        <v>4</v>
      </c>
      <c r="D33" s="14" t="s">
        <v>16</v>
      </c>
      <c r="E33" s="6" t="s">
        <v>45</v>
      </c>
    </row>
  </sheetData>
  <autoFilter ref="B3:E33"/>
  <mergeCells count="1">
    <mergeCell ref="A2:B2"/>
  </mergeCells>
  <phoneticPr fontId="2"/>
  <pageMargins left="0.51181102362204722" right="0.31496062992125984" top="0.74803149606299213" bottom="0.55118110236220474" header="0.31496062992125984" footer="0.31496062992125984"/>
  <pageSetup paperSize="9" orientation="landscape" r:id="rId1"/>
  <headerFooter>
    <oddFooter>&amp;C&amp;"ＭＳ Ｐ明朝,標準"&amp;10&amp;P / &amp;N ページ</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意見一覧</vt:lpstr>
      <vt:lpstr>意見一覧!Print_Area</vt:lpstr>
      <vt:lpstr>意見一覧!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1-06-25T06:06:55Z</cp:lastPrinted>
  <dcterms:created xsi:type="dcterms:W3CDTF">2015-03-16T01:33:58Z</dcterms:created>
  <dcterms:modified xsi:type="dcterms:W3CDTF">2021-06-25T06:08:25Z</dcterms:modified>
</cp:coreProperties>
</file>